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82"/>
  </p:notesMasterIdLst>
  <p:handoutMasterIdLst>
    <p:handoutMasterId r:id="rId83"/>
  </p:handoutMasterIdLst>
  <p:sldIdLst>
    <p:sldId id="433" r:id="rId5"/>
    <p:sldId id="451" r:id="rId6"/>
    <p:sldId id="868" r:id="rId7"/>
    <p:sldId id="872" r:id="rId8"/>
    <p:sldId id="884" r:id="rId9"/>
    <p:sldId id="883" r:id="rId10"/>
    <p:sldId id="882" r:id="rId11"/>
    <p:sldId id="912" r:id="rId12"/>
    <p:sldId id="885" r:id="rId13"/>
    <p:sldId id="913" r:id="rId14"/>
    <p:sldId id="919" r:id="rId15"/>
    <p:sldId id="909" r:id="rId16"/>
    <p:sldId id="920" r:id="rId17"/>
    <p:sldId id="911" r:id="rId18"/>
    <p:sldId id="895" r:id="rId19"/>
    <p:sldId id="910" r:id="rId20"/>
    <p:sldId id="900" r:id="rId21"/>
    <p:sldId id="899" r:id="rId22"/>
    <p:sldId id="907" r:id="rId23"/>
    <p:sldId id="875" r:id="rId24"/>
    <p:sldId id="902" r:id="rId25"/>
    <p:sldId id="904" r:id="rId26"/>
    <p:sldId id="906" r:id="rId27"/>
    <p:sldId id="878" r:id="rId28"/>
    <p:sldId id="914" r:id="rId29"/>
    <p:sldId id="921" r:id="rId30"/>
    <p:sldId id="923" r:id="rId31"/>
    <p:sldId id="925" r:id="rId32"/>
    <p:sldId id="916" r:id="rId33"/>
    <p:sldId id="924" r:id="rId34"/>
    <p:sldId id="905" r:id="rId35"/>
    <p:sldId id="917" r:id="rId36"/>
    <p:sldId id="918" r:id="rId37"/>
    <p:sldId id="915" r:id="rId38"/>
    <p:sldId id="922" r:id="rId39"/>
    <p:sldId id="452" r:id="rId40"/>
    <p:sldId id="450" r:id="rId41"/>
    <p:sldId id="449" r:id="rId42"/>
    <p:sldId id="897" r:id="rId43"/>
    <p:sldId id="896" r:id="rId44"/>
    <p:sldId id="908" r:id="rId45"/>
    <p:sldId id="894" r:id="rId46"/>
    <p:sldId id="901" r:id="rId47"/>
    <p:sldId id="903" r:id="rId48"/>
    <p:sldId id="898" r:id="rId49"/>
    <p:sldId id="887" r:id="rId50"/>
    <p:sldId id="877" r:id="rId51"/>
    <p:sldId id="888" r:id="rId52"/>
    <p:sldId id="889" r:id="rId53"/>
    <p:sldId id="890" r:id="rId54"/>
    <p:sldId id="891" r:id="rId55"/>
    <p:sldId id="892" r:id="rId56"/>
    <p:sldId id="893" r:id="rId57"/>
    <p:sldId id="880" r:id="rId58"/>
    <p:sldId id="879" r:id="rId59"/>
    <p:sldId id="876" r:id="rId60"/>
    <p:sldId id="874" r:id="rId61"/>
    <p:sldId id="870" r:id="rId62"/>
    <p:sldId id="871" r:id="rId63"/>
    <p:sldId id="865" r:id="rId64"/>
    <p:sldId id="867" r:id="rId65"/>
    <p:sldId id="378" r:id="rId66"/>
    <p:sldId id="866" r:id="rId67"/>
    <p:sldId id="869" r:id="rId68"/>
    <p:sldId id="873" r:id="rId69"/>
    <p:sldId id="441" r:id="rId70"/>
    <p:sldId id="447" r:id="rId71"/>
    <p:sldId id="437" r:id="rId72"/>
    <p:sldId id="445" r:id="rId73"/>
    <p:sldId id="438" r:id="rId74"/>
    <p:sldId id="446" r:id="rId75"/>
    <p:sldId id="443" r:id="rId76"/>
    <p:sldId id="440" r:id="rId77"/>
    <p:sldId id="436" r:id="rId78"/>
    <p:sldId id="448" r:id="rId79"/>
    <p:sldId id="444" r:id="rId80"/>
    <p:sldId id="265" r:id="rId81"/>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4FB81C"/>
    <a:srgbClr val="008FD3"/>
    <a:srgbClr val="4CC5FF"/>
    <a:srgbClr val="E35500"/>
    <a:srgbClr val="FFFFCC"/>
    <a:srgbClr val="6699FF"/>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804"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slide" Target="slides/slide72.xml"/><Relationship Id="rId84" Type="http://schemas.openxmlformats.org/officeDocument/2006/relationships/presProps" Target="presProps.xml"/><Relationship Id="rId7" Type="http://schemas.openxmlformats.org/officeDocument/2006/relationships/slide" Target="slides/slide3.xml"/><Relationship Id="rId71" Type="http://schemas.openxmlformats.org/officeDocument/2006/relationships/slide" Target="slides/slide67.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tableStyles" Target="tableStyles.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notesMaster" Target="notesMasters/notesMaster1.xml"/><Relationship Id="rId19" Type="http://schemas.openxmlformats.org/officeDocument/2006/relationships/slide" Target="slides/slide15.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viewProps" Target="viewProps.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02721391"/>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329617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1</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6</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7</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8</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9</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0</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1</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2</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3</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6</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7</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11.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 Id="rId9" Type="http://schemas.openxmlformats.org/officeDocument/2006/relationships/image" Target="../media/image10.png"/></Relationships>
</file>

<file path=ppt/slides/_rels/slide12.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20.svg"/><Relationship Id="rId5" Type="http://schemas.openxmlformats.org/officeDocument/2006/relationships/image" Target="../media/image17.png"/><Relationship Id="rId10" Type="http://schemas.openxmlformats.org/officeDocument/2006/relationships/image" Target="../media/image19.png"/><Relationship Id="rId4" Type="http://schemas.openxmlformats.org/officeDocument/2006/relationships/image" Target="../media/image11.png"/><Relationship Id="rId9" Type="http://schemas.openxmlformats.org/officeDocument/2006/relationships/image" Target="../media/image14.png"/></Relationships>
</file>

<file path=ppt/slides/_rels/slide13.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20.svg"/><Relationship Id="rId4" Type="http://schemas.openxmlformats.org/officeDocument/2006/relationships/image" Target="../media/image17.png"/><Relationship Id="rId9" Type="http://schemas.openxmlformats.org/officeDocument/2006/relationships/image" Target="../media/image19.png"/></Relationships>
</file>

<file path=ppt/slides/_rels/slide14.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2.svg"/><Relationship Id="rId10" Type="http://schemas.openxmlformats.org/officeDocument/2006/relationships/image" Target="../media/image24.svg"/><Relationship Id="rId4" Type="http://schemas.openxmlformats.org/officeDocument/2006/relationships/image" Target="../media/image21.png"/><Relationship Id="rId9" Type="http://schemas.openxmlformats.org/officeDocument/2006/relationships/image" Target="../media/image23.png"/></Relationships>
</file>

<file path=ppt/slides/_rels/slide15.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5.svg"/><Relationship Id="rId4" Type="http://schemas.openxmlformats.org/officeDocument/2006/relationships/image" Target="../media/image21.png"/><Relationship Id="rId9" Type="http://schemas.openxmlformats.org/officeDocument/2006/relationships/image" Target="../media/image26.svg"/></Relationships>
</file>

<file path=ppt/slides/_rels/slide16.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5.svg"/><Relationship Id="rId4" Type="http://schemas.openxmlformats.org/officeDocument/2006/relationships/image" Target="../media/image21.png"/><Relationship Id="rId9" Type="http://schemas.openxmlformats.org/officeDocument/2006/relationships/image" Target="../media/image26.svg"/></Relationships>
</file>

<file path=ppt/slides/_rels/slide1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1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9.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3.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image" Target="../media/image11.png"/><Relationship Id="rId7" Type="http://schemas.openxmlformats.org/officeDocument/2006/relationships/image" Target="../media/image29.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14.png"/></Relationships>
</file>

<file path=ppt/slides/_rels/slide24.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25.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6.svg"/><Relationship Id="rId5" Type="http://schemas.openxmlformats.org/officeDocument/2006/relationships/image" Target="../media/image17.png"/><Relationship Id="rId10" Type="http://schemas.openxmlformats.org/officeDocument/2006/relationships/image" Target="../media/image15.png"/><Relationship Id="rId4" Type="http://schemas.openxmlformats.org/officeDocument/2006/relationships/image" Target="../media/image11.png"/><Relationship Id="rId9" Type="http://schemas.openxmlformats.org/officeDocument/2006/relationships/image" Target="../media/image14.png"/></Relationships>
</file>

<file path=ppt/slides/_rels/slide26.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16.svg"/><Relationship Id="rId4" Type="http://schemas.openxmlformats.org/officeDocument/2006/relationships/image" Target="../media/image17.png"/><Relationship Id="rId9"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7.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3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32.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image" Target="../media/image11.png"/><Relationship Id="rId7" Type="http://schemas.openxmlformats.org/officeDocument/2006/relationships/image" Target="../media/image29.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14.png"/></Relationships>
</file>

<file path=ppt/slides/_rels/slide33.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34.xml.rels><?xml version="1.0" encoding="UTF-8" standalone="yes"?>
<Relationships xmlns="http://schemas.openxmlformats.org/package/2006/relationships"><Relationship Id="rId8" Type="http://schemas.openxmlformats.org/officeDocument/2006/relationships/image" Target="../media/image36.svg"/><Relationship Id="rId3" Type="http://schemas.openxmlformats.org/officeDocument/2006/relationships/image" Target="../media/image10.png"/><Relationship Id="rId7" Type="http://schemas.openxmlformats.org/officeDocument/2006/relationships/image" Target="../media/image12.png"/><Relationship Id="rId12" Type="http://schemas.openxmlformats.org/officeDocument/2006/relationships/image" Target="../media/image20.sv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9.png"/><Relationship Id="rId5" Type="http://schemas.openxmlformats.org/officeDocument/2006/relationships/image" Target="../media/image17.png"/><Relationship Id="rId10" Type="http://schemas.openxmlformats.org/officeDocument/2006/relationships/image" Target="../media/image14.png"/><Relationship Id="rId4" Type="http://schemas.openxmlformats.org/officeDocument/2006/relationships/image" Target="../media/image11.png"/><Relationship Id="rId9" Type="http://schemas.openxmlformats.org/officeDocument/2006/relationships/image" Target="../media/image13.svg"/></Relationships>
</file>

<file path=ppt/slides/_rels/slide35.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1.png"/><Relationship Id="rId7" Type="http://schemas.openxmlformats.org/officeDocument/2006/relationships/image" Target="../media/image36.sv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image" Target="../media/image12.png"/><Relationship Id="rId11" Type="http://schemas.openxmlformats.org/officeDocument/2006/relationships/image" Target="../media/image20.svg"/><Relationship Id="rId5" Type="http://schemas.openxmlformats.org/officeDocument/2006/relationships/image" Target="../media/image18.svg"/><Relationship Id="rId10" Type="http://schemas.openxmlformats.org/officeDocument/2006/relationships/image" Target="../media/image19.png"/><Relationship Id="rId4" Type="http://schemas.openxmlformats.org/officeDocument/2006/relationships/image" Target="../media/image17.png"/><Relationship Id="rId9" Type="http://schemas.openxmlformats.org/officeDocument/2006/relationships/image" Target="../media/image14.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5.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37.xml"/><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26.svg"/><Relationship Id="rId10" Type="http://schemas.openxmlformats.org/officeDocument/2006/relationships/image" Target="../media/image25.svg"/><Relationship Id="rId4" Type="http://schemas.openxmlformats.org/officeDocument/2006/relationships/image" Target="../media/image23.png"/><Relationship Id="rId9" Type="http://schemas.openxmlformats.org/officeDocument/2006/relationships/image" Target="../media/image21.png"/></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40.xml.rels><?xml version="1.0" encoding="UTF-8" standalone="yes"?>
<Relationships xmlns="http://schemas.openxmlformats.org/package/2006/relationships"><Relationship Id="rId8" Type="http://schemas.openxmlformats.org/officeDocument/2006/relationships/image" Target="../media/image25.svg"/><Relationship Id="rId3" Type="http://schemas.openxmlformats.org/officeDocument/2006/relationships/image" Target="../media/image10.png"/><Relationship Id="rId7" Type="http://schemas.openxmlformats.org/officeDocument/2006/relationships/image" Target="../media/image21.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39.svg"/><Relationship Id="rId10" Type="http://schemas.openxmlformats.org/officeDocument/2006/relationships/image" Target="../media/image13.svg"/><Relationship Id="rId4" Type="http://schemas.openxmlformats.org/officeDocument/2006/relationships/image" Target="../media/image38.png"/><Relationship Id="rId9" Type="http://schemas.openxmlformats.org/officeDocument/2006/relationships/image" Target="../media/image12.png"/></Relationships>
</file>

<file path=ppt/slides/_rels/slide41.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42.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1.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3.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3.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8.xml"/></Relationships>
</file>

<file path=ppt/slides/_rels/slide46.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47.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6.svg"/><Relationship Id="rId4" Type="http://schemas.openxmlformats.org/officeDocument/2006/relationships/image" Target="../media/image23.png"/><Relationship Id="rId9" Type="http://schemas.openxmlformats.org/officeDocument/2006/relationships/image" Target="../media/image25.svg"/></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8.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8.xml"/></Relationships>
</file>

<file path=ppt/slides/_rels/slide51.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0.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2.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1.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6.svg"/><Relationship Id="rId4" Type="http://schemas.openxmlformats.org/officeDocument/2006/relationships/image" Target="../media/image23.png"/><Relationship Id="rId9" Type="http://schemas.openxmlformats.org/officeDocument/2006/relationships/image" Target="../media/image25.svg"/></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5.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56.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7.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7.xml"/><Relationship Id="rId1" Type="http://schemas.openxmlformats.org/officeDocument/2006/relationships/slideLayout" Target="../slideLayouts/slideLayout8.xml"/></Relationships>
</file>

<file path=ppt/slides/_rels/slide5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8.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0.png"/><Relationship Id="rId1" Type="http://schemas.openxmlformats.org/officeDocument/2006/relationships/slideLayout" Target="../slideLayouts/slideLayout9.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27.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72.xml"/></Relationships>
</file>

<file path=ppt/slides/_rels/slide63.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5.xml"/></Relationships>
</file>

<file path=ppt/slides/_rels/slide64.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8.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8.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8.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5.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1.png"/></Relationships>
</file>

<file path=ppt/slides/_rels/slide70.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65.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5.xml"/></Relationships>
</file>

<file path=ppt/slides/_rels/slide7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67.xml"/><Relationship Id="rId1" Type="http://schemas.openxmlformats.org/officeDocument/2006/relationships/slideLayout" Target="../slideLayouts/slideLayout5.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8.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5.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70.xml"/><Relationship Id="rId1" Type="http://schemas.openxmlformats.org/officeDocument/2006/relationships/slideLayout" Target="../slideLayouts/slideLayout5.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5.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2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119"/>
                                        </p:tgtEl>
                                        <p:attrNameLst>
                                          <p:attrName>style.visibility</p:attrName>
                                        </p:attrNameLst>
                                      </p:cBhvr>
                                      <p:to>
                                        <p:strVal val="visible"/>
                                      </p:to>
                                    </p:set>
                                    <p:anim calcmode="lin" valueType="num">
                                      <p:cBhvr additive="base">
                                        <p:cTn id="7" dur="500" fill="hold"/>
                                        <p:tgtEl>
                                          <p:spTgt spid="119"/>
                                        </p:tgtEl>
                                        <p:attrNameLst>
                                          <p:attrName>ppt_x</p:attrName>
                                        </p:attrNameLst>
                                      </p:cBhvr>
                                      <p:tavLst>
                                        <p:tav tm="0">
                                          <p:val>
                                            <p:strVal val="#ppt_x"/>
                                          </p:val>
                                        </p:tav>
                                        <p:tav tm="100000">
                                          <p:val>
                                            <p:strVal val="#ppt_x"/>
                                          </p:val>
                                        </p:tav>
                                      </p:tavLst>
                                    </p:anim>
                                    <p:anim calcmode="lin" valueType="num">
                                      <p:cBhvr additive="base">
                                        <p:cTn id="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10278378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4536269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5854733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00B050"/>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1" y="2225890"/>
            <a:ext cx="154611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176703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42170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F6170F83-4BE8-4330-B455-3739197D0DED}"/>
              </a:ext>
            </a:extLst>
          </p:cNvPr>
          <p:cNvPicPr>
            <a:picLocks noChangeAspect="1"/>
          </p:cNvPicPr>
          <p:nvPr/>
        </p:nvPicPr>
        <p:blipFill>
          <a:blip r:embed="rId3"/>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83798508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3461</Words>
  <Application>Microsoft Office PowerPoint</Application>
  <PresentationFormat>Custom</PresentationFormat>
  <Paragraphs>1275</Paragraphs>
  <Slides>77</Slides>
  <Notes>72</Notes>
  <HiddenSlides>23</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77</vt:i4>
      </vt:variant>
    </vt:vector>
  </HeadingPairs>
  <TitlesOfParts>
    <vt:vector size="88"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Target picture overall</vt:lpstr>
      <vt:lpstr>Bulletinboard in K8s: Exercise “ads DB“</vt:lpstr>
      <vt:lpstr>Bulletinboard in K8s: Exercise “ads DB“</vt:lpstr>
      <vt:lpstr>Bulletinboard in K8s: Target picture</vt:lpstr>
      <vt:lpstr>Bulletinboard in K8s: ads DB</vt:lpstr>
      <vt:lpstr>Bulletinboard in K8s: ads DB</vt:lpstr>
      <vt:lpstr>Bulletinboard in K8s: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Bulletinboard in K8s: Exercise “users app + DB with helm”</vt:lpstr>
      <vt:lpstr>Bulletinboard in K8s: Exercise “users app + DB with helm”</vt:lpstr>
      <vt:lpstr>What YOU will do in exercise #0x</vt:lpstr>
      <vt:lpstr>Appendix</vt:lpstr>
      <vt:lpstr>Demo</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748</cp:revision>
  <cp:lastPrinted>2018-08-17T13:55:56Z</cp:lastPrinted>
  <dcterms:created xsi:type="dcterms:W3CDTF">2015-10-14T11:21:43Z</dcterms:created>
  <dcterms:modified xsi:type="dcterms:W3CDTF">2018-09-06T13:00: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